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E91247FE-B90A-46DA-A71C-81437E0FD122}" xr6:coauthVersionLast="47" xr6:coauthVersionMax="47" xr10:uidLastSave="{00000000-0000-0000-0000-000000000000}"/>
  <bookViews>
    <workbookView xWindow="-28920" yWindow="-1935" windowWidth="29040" windowHeight="15720" xr2:uid="{C8C0CF89-1944-4A96-B1A8-0306B7785EC8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9" i="6" l="1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22" uniqueCount="23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公害保健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公害保健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</cellXfs>
  <cellStyles count="8">
    <cellStyle name="標準" xfId="0" builtinId="0"/>
    <cellStyle name="標準 2" xfId="1" xr:uid="{7894CA65-51F0-48B7-913B-BA5B0940FDC7}"/>
    <cellStyle name="標準 2 2" xfId="2" xr:uid="{E11DC812-238D-422B-97A3-455A66EF6DFA}"/>
    <cellStyle name="標準 3" xfId="3" xr:uid="{690E4398-3385-46AE-A63A-8D470119DA26}"/>
    <cellStyle name="標準 4" xfId="4" xr:uid="{2AD9D383-70F8-4B33-8B81-F949AD741437}"/>
    <cellStyle name="標準 4 2" xfId="5" xr:uid="{74F8308D-0306-415A-94EF-0F6DE067D4EC}"/>
    <cellStyle name="標準 5 2" xfId="6" xr:uid="{565936B3-8F86-4777-82CE-189161C0D62E}"/>
    <cellStyle name="標準 6 2" xfId="7" xr:uid="{E67282CD-8F85-4329-96A9-3CC06E3611B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553C78-77B4-49B6-A9B9-A5B261D34DCD}">
  <sheetPr codeName="Sheet7"/>
  <dimension ref="A1:T194"/>
  <sheetViews>
    <sheetView showGridLines="0" tabSelected="1" view="pageBreakPreview" zoomScale="60" zoomScaleNormal="60" workbookViewId="0">
      <selection activeCell="AC38" sqref="AC38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15051839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143096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-143096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14317919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73392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15014084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1284360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14959040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55044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165192679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163908319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0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128436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163908319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1284360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1284360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8081BB-499D-4AE1-BA3D-707BE96C4C11}">
  <sheetPr codeName="Sheet12"/>
  <dimension ref="A1:M192"/>
  <sheetViews>
    <sheetView showGridLines="0" view="pageBreakPreview" zoomScale="70" zoomScaleNormal="60" zoomScaleSheetLayoutView="7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5957513692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92058181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5865455511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6124468206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168761535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14317919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15233684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66967049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733920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65772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5857784379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12000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166954514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1111002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1111002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-1111002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168947706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-9116828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7CE3F9-FF48-4AF4-98D7-87422C378F4A}">
  <sheetPr codeName="Sheet14"/>
  <dimension ref="A1:N59"/>
  <sheetViews>
    <sheetView showGridLines="0" view="pageBreakPreview" topLeftCell="A4" zoomScale="50" zoomScaleNormal="60" zoomScaleSheetLayoutView="50" workbookViewId="0">
      <selection activeCell="V55" sqref="V55"/>
    </sheetView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154791491</v>
      </c>
      <c r="K12" s="51">
        <v>0</v>
      </c>
      <c r="L12" s="51">
        <v>-154791491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-9116828</v>
      </c>
      <c r="K13" s="51">
        <v>0</v>
      </c>
      <c r="L13" s="51">
        <v>-9116828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163908319</v>
      </c>
      <c r="K14" s="51">
        <v>0</v>
      </c>
      <c r="L14" s="51">
        <v>-163908319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2E6E8F-9F77-4E7B-9B16-50E4578C775E}">
  <sheetPr codeName="Sheet13"/>
  <dimension ref="A1:U194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5956927252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92058181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5864869071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6125141038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189267590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66967049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73392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5857784379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11122020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73392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168213786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-73392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168947706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168947706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DBCA76-77F2-41AE-9EBB-FBD120E73BC0}">
  <sheetPr codeName="Sheet19"/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0</v>
      </c>
      <c r="J30" s="76">
        <v>0</v>
      </c>
      <c r="K30" s="76">
        <v>0</v>
      </c>
      <c r="L30" s="76">
        <v>0</v>
      </c>
      <c r="M30" s="76">
        <v>0</v>
      </c>
      <c r="N30" s="76">
        <v>0</v>
      </c>
      <c r="O30" s="76">
        <v>0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3669600</v>
      </c>
      <c r="J31" s="76">
        <v>0</v>
      </c>
      <c r="K31" s="76">
        <v>0</v>
      </c>
      <c r="L31" s="76">
        <v>3669600</v>
      </c>
      <c r="M31" s="76">
        <v>2385240</v>
      </c>
      <c r="N31" s="76">
        <v>733920</v>
      </c>
      <c r="O31" s="76">
        <v>128436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5270400</v>
      </c>
      <c r="J32" s="76">
        <v>0</v>
      </c>
      <c r="K32" s="76">
        <v>0</v>
      </c>
      <c r="L32" s="76">
        <v>5270400</v>
      </c>
      <c r="M32" s="76">
        <v>527040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0</v>
      </c>
      <c r="K33" s="76">
        <v>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8940000</v>
      </c>
      <c r="J35" s="76">
        <v>0</v>
      </c>
      <c r="K35" s="76">
        <v>0</v>
      </c>
      <c r="L35" s="76">
        <v>8940000</v>
      </c>
      <c r="M35" s="76">
        <v>7655640</v>
      </c>
      <c r="N35" s="76">
        <v>733920</v>
      </c>
      <c r="O35" s="76">
        <v>128436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3B7C4B-10E0-4B6A-B977-EEA3EE378C91}">
  <sheetPr codeName="Sheet23"/>
  <dimension ref="B1:N19"/>
  <sheetViews>
    <sheetView showGridLines="0" view="pageBreakPreview" zoomScale="60" zoomScaleNormal="55" workbookViewId="0">
      <selection activeCell="L26" sqref="L26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773240</v>
      </c>
      <c r="J10" s="80">
        <v>657720</v>
      </c>
      <c r="K10" s="80">
        <v>0</v>
      </c>
      <c r="L10" s="80">
        <f>M10-K10</f>
        <v>0</v>
      </c>
      <c r="M10" s="80">
        <v>0</v>
      </c>
      <c r="N10" s="80">
        <v>1430960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13041793</v>
      </c>
      <c r="J16" s="80">
        <v>14317919</v>
      </c>
      <c r="K16" s="80">
        <v>13041793</v>
      </c>
      <c r="L16" s="80">
        <f t="shared" si="0"/>
        <v>0</v>
      </c>
      <c r="M16" s="80">
        <v>13041793</v>
      </c>
      <c r="N16" s="80">
        <v>14317919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141820978</v>
      </c>
      <c r="J17" s="80">
        <v>15233684</v>
      </c>
      <c r="K17" s="80">
        <v>7464262</v>
      </c>
      <c r="L17" s="80">
        <f t="shared" si="0"/>
        <v>0</v>
      </c>
      <c r="M17" s="80">
        <v>7464262</v>
      </c>
      <c r="N17" s="80">
        <v>14959040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155636011</v>
      </c>
      <c r="J19" s="80">
        <v>30209323</v>
      </c>
      <c r="K19" s="80">
        <f>SUM(K10:K18)</f>
        <v>20506055</v>
      </c>
      <c r="L19" s="80">
        <f t="shared" si="0"/>
        <v>0</v>
      </c>
      <c r="M19" s="80">
        <v>20506055</v>
      </c>
      <c r="N19" s="80">
        <v>165339279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591E31-3860-41DC-BE06-D02DDD644BEC}">
  <dimension ref="A1:P75"/>
  <sheetViews>
    <sheetView view="pageBreakPreview" zoomScale="60" zoomScaleNormal="100" workbookViewId="0">
      <selection activeCell="D21" sqref="D21"/>
    </sheetView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16" s="1" customFormat="1" ht="22.5" customHeight="1" x14ac:dyDescent="0.4">
      <c r="B1" s="112" t="s">
        <v>226</v>
      </c>
    </row>
    <row r="2" spans="1:16" s="1" customFormat="1" ht="22.5" customHeight="1" x14ac:dyDescent="0.4">
      <c r="B2" s="112" t="s">
        <v>227</v>
      </c>
    </row>
    <row r="3" spans="1:16" s="1" customFormat="1" ht="22.5" customHeight="1" x14ac:dyDescent="0.4">
      <c r="B3" s="112" t="s">
        <v>228</v>
      </c>
    </row>
    <row r="4" spans="1:16" ht="122.25" customHeight="1" x14ac:dyDescent="0.4">
      <c r="A4" s="172" t="s">
        <v>229</v>
      </c>
      <c r="B4" s="172"/>
      <c r="C4" s="172"/>
      <c r="D4" s="172"/>
    </row>
    <row r="5" spans="1:16" s="115" customFormat="1" ht="36" customHeight="1" x14ac:dyDescent="0.4">
      <c r="A5" s="114"/>
    </row>
    <row r="6" spans="1:16" s="115" customFormat="1" ht="36" customHeight="1" x14ac:dyDescent="0.4">
      <c r="A6" s="114"/>
      <c r="B6" s="115" t="s">
        <v>230</v>
      </c>
    </row>
    <row r="7" spans="1:16" s="115" customFormat="1" ht="36" customHeight="1" x14ac:dyDescent="0.4">
      <c r="A7" s="114"/>
      <c r="B7" s="116"/>
      <c r="C7" s="171"/>
      <c r="D7" s="171"/>
    </row>
    <row r="8" spans="1:16" s="115" customFormat="1" ht="36" customHeight="1" x14ac:dyDescent="0.4">
      <c r="A8" s="114"/>
      <c r="B8" s="116"/>
      <c r="C8" s="171"/>
      <c r="D8" s="171"/>
    </row>
    <row r="9" spans="1:16" s="115" customFormat="1" ht="36" customHeight="1" x14ac:dyDescent="0.4">
      <c r="A9" s="114"/>
      <c r="B9" s="117"/>
      <c r="C9" s="171"/>
      <c r="D9" s="171"/>
    </row>
    <row r="10" spans="1:16" s="115" customFormat="1" ht="36" customHeight="1" x14ac:dyDescent="0.4">
      <c r="A10" s="114"/>
      <c r="B10" s="116"/>
      <c r="C10" s="171"/>
      <c r="D10" s="171"/>
    </row>
    <row r="11" spans="1:16" s="115" customFormat="1" ht="36" customHeight="1" x14ac:dyDescent="0.4">
      <c r="A11" s="114"/>
      <c r="B11" s="116"/>
      <c r="C11" s="173"/>
      <c r="D11" s="173"/>
      <c r="P11" s="115" t="s">
        <v>231</v>
      </c>
    </row>
    <row r="12" spans="1:16" s="115" customFormat="1" ht="36" customHeight="1" x14ac:dyDescent="0.4">
      <c r="A12" s="114"/>
      <c r="B12" s="116"/>
      <c r="C12" s="171"/>
      <c r="D12" s="171"/>
    </row>
    <row r="13" spans="1:16" s="115" customFormat="1" ht="36" customHeight="1" x14ac:dyDescent="0.4">
      <c r="A13" s="114"/>
      <c r="B13" s="118"/>
      <c r="C13" s="118"/>
    </row>
    <row r="14" spans="1:16" s="115" customFormat="1" ht="36" customHeight="1" x14ac:dyDescent="0.4">
      <c r="A14" s="114"/>
    </row>
    <row r="15" spans="1:16" s="115" customFormat="1" ht="36" customHeight="1" x14ac:dyDescent="0.4">
      <c r="A15" s="114"/>
    </row>
    <row r="16" spans="1:16" s="115" customFormat="1" ht="36" customHeight="1" x14ac:dyDescent="0.4">
      <c r="A16" s="114"/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  <colBreaks count="1" manualBreakCount="1">
    <brk id="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5:04:36Z</dcterms:created>
  <dcterms:modified xsi:type="dcterms:W3CDTF">2025-10-15T05:04:50Z</dcterms:modified>
</cp:coreProperties>
</file>